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3\HP2003\"/>
    </mc:Choice>
  </mc:AlternateContent>
  <bookViews>
    <workbookView xWindow="0" yWindow="0" windowWidth="23040" windowHeight="10140"/>
  </bookViews>
  <sheets>
    <sheet name="0000" sheetId="1" r:id="rId1"/>
  </sheets>
  <definedNames>
    <definedName name="_xlnm.Print_Titles" localSheetId="0">'0000'!$4:$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2" uniqueCount="32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2年3月末</t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1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32">
    <xf numFmtId="0" fontId="0" fillId="0" borderId="0" xfId="0"/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38" fontId="1" fillId="0" borderId="5" xfId="1" applyFont="1" applyBorder="1" applyAlignment="1">
      <alignment horizontal="distributed"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horizontal="distributed"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1" xfId="1" applyBorder="1" applyAlignment="1">
      <alignment vertical="center"/>
    </xf>
    <xf numFmtId="38" fontId="1" fillId="0" borderId="12" xfId="1" applyBorder="1" applyAlignment="1">
      <alignment vertical="center"/>
    </xf>
    <xf numFmtId="38" fontId="1" fillId="0" borderId="9" xfId="1" applyFont="1" applyBorder="1" applyAlignment="1">
      <alignment horizontal="center" vertical="center"/>
    </xf>
    <xf numFmtId="38" fontId="0" fillId="0" borderId="10" xfId="0" applyNumberFormat="1" applyBorder="1" applyAlignment="1">
      <alignment vertical="center"/>
    </xf>
    <xf numFmtId="38" fontId="0" fillId="0" borderId="11" xfId="0" applyNumberFormat="1" applyBorder="1" applyAlignment="1">
      <alignment vertical="center"/>
    </xf>
    <xf numFmtId="38" fontId="0" fillId="0" borderId="12" xfId="0" applyNumberForma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38" fontId="1" fillId="2" borderId="9" xfId="1" applyFont="1" applyFill="1" applyBorder="1" applyAlignment="1">
      <alignment horizontal="distributed" vertical="center"/>
    </xf>
    <xf numFmtId="38" fontId="1" fillId="2" borderId="10" xfId="1" applyFill="1" applyBorder="1" applyAlignment="1">
      <alignment vertical="center"/>
    </xf>
    <xf numFmtId="38" fontId="1" fillId="2" borderId="11" xfId="1" applyFill="1" applyBorder="1" applyAlignment="1">
      <alignment vertical="center"/>
    </xf>
    <xf numFmtId="38" fontId="1" fillId="2" borderId="12" xfId="1" applyFill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1">
    <pageSetUpPr fitToPage="1"/>
  </sheetPr>
  <dimension ref="A1:D131"/>
  <sheetViews>
    <sheetView tabSelected="1" workbookViewId="0">
      <pane ySplit="4" topLeftCell="A50" activePane="bottomLeft" state="frozen"/>
      <selection sqref="A1:D1"/>
      <selection pane="bottomLeft" activeCell="E66" sqref="E66"/>
    </sheetView>
  </sheetViews>
  <sheetFormatPr defaultRowHeight="13.5" x14ac:dyDescent="0.15"/>
  <cols>
    <col min="1" max="1" width="11" customWidth="1"/>
  </cols>
  <sheetData>
    <row r="1" spans="1:4" ht="27" customHeight="1" x14ac:dyDescent="0.15">
      <c r="A1" s="26" t="s">
        <v>0</v>
      </c>
      <c r="B1" s="26"/>
      <c r="C1" s="26"/>
      <c r="D1" s="26"/>
    </row>
    <row r="2" spans="1:4" ht="14.25" customHeight="1" x14ac:dyDescent="0.15">
      <c r="A2" s="1"/>
      <c r="B2" s="1"/>
      <c r="C2" s="1"/>
      <c r="D2" s="1"/>
    </row>
    <row r="3" spans="1:4" ht="20.25" customHeight="1" x14ac:dyDescent="0.15">
      <c r="A3" s="2"/>
      <c r="B3" s="27" t="s">
        <v>1</v>
      </c>
      <c r="C3" s="27"/>
      <c r="D3" s="27"/>
    </row>
    <row r="4" spans="1:4" ht="18" customHeight="1" x14ac:dyDescent="0.15">
      <c r="A4" s="3" t="s">
        <v>2</v>
      </c>
      <c r="B4" s="4" t="s">
        <v>3</v>
      </c>
      <c r="C4" s="5" t="s">
        <v>4</v>
      </c>
      <c r="D4" s="6" t="s">
        <v>5</v>
      </c>
    </row>
    <row r="5" spans="1:4" ht="18" customHeight="1" x14ac:dyDescent="0.15">
      <c r="A5" s="7">
        <v>0</v>
      </c>
      <c r="B5" s="8">
        <v>1483</v>
      </c>
      <c r="C5" s="9">
        <v>1379</v>
      </c>
      <c r="D5" s="10">
        <v>2862</v>
      </c>
    </row>
    <row r="6" spans="1:4" ht="18" customHeight="1" x14ac:dyDescent="0.15">
      <c r="A6" s="11">
        <v>1</v>
      </c>
      <c r="B6" s="12">
        <v>1542</v>
      </c>
      <c r="C6" s="13">
        <v>1480</v>
      </c>
      <c r="D6" s="14">
        <v>3022</v>
      </c>
    </row>
    <row r="7" spans="1:4" ht="18" customHeight="1" x14ac:dyDescent="0.15">
      <c r="A7" s="11">
        <v>2</v>
      </c>
      <c r="B7" s="12">
        <v>1510</v>
      </c>
      <c r="C7" s="13">
        <v>1493</v>
      </c>
      <c r="D7" s="14">
        <v>3003</v>
      </c>
    </row>
    <row r="8" spans="1:4" ht="18" customHeight="1" x14ac:dyDescent="0.15">
      <c r="A8" s="11">
        <v>3</v>
      </c>
      <c r="B8" s="12">
        <v>1645</v>
      </c>
      <c r="C8" s="13">
        <v>1544</v>
      </c>
      <c r="D8" s="14">
        <v>3189</v>
      </c>
    </row>
    <row r="9" spans="1:4" ht="18" customHeight="1" x14ac:dyDescent="0.15">
      <c r="A9" s="11">
        <v>4</v>
      </c>
      <c r="B9" s="12">
        <v>1662</v>
      </c>
      <c r="C9" s="13">
        <v>1543</v>
      </c>
      <c r="D9" s="14">
        <v>3205</v>
      </c>
    </row>
    <row r="10" spans="1:4" ht="18" customHeight="1" x14ac:dyDescent="0.15">
      <c r="A10" s="11" t="s">
        <v>6</v>
      </c>
      <c r="B10" s="15">
        <v>7842</v>
      </c>
      <c r="C10" s="16">
        <v>7439</v>
      </c>
      <c r="D10" s="17">
        <v>15281</v>
      </c>
    </row>
    <row r="11" spans="1:4" ht="18" customHeight="1" x14ac:dyDescent="0.15">
      <c r="A11" s="11">
        <v>5</v>
      </c>
      <c r="B11" s="15">
        <v>1637</v>
      </c>
      <c r="C11" s="16">
        <v>1600</v>
      </c>
      <c r="D11" s="17">
        <v>3237</v>
      </c>
    </row>
    <row r="12" spans="1:4" ht="18" customHeight="1" x14ac:dyDescent="0.15">
      <c r="A12" s="11">
        <v>6</v>
      </c>
      <c r="B12" s="15">
        <v>1627</v>
      </c>
      <c r="C12" s="16">
        <v>1611</v>
      </c>
      <c r="D12" s="17">
        <v>3238</v>
      </c>
    </row>
    <row r="13" spans="1:4" ht="18" customHeight="1" x14ac:dyDescent="0.15">
      <c r="A13" s="11">
        <v>7</v>
      </c>
      <c r="B13" s="15">
        <v>1688</v>
      </c>
      <c r="C13" s="16">
        <v>1566</v>
      </c>
      <c r="D13" s="17">
        <v>3254</v>
      </c>
    </row>
    <row r="14" spans="1:4" ht="18" customHeight="1" x14ac:dyDescent="0.15">
      <c r="A14" s="11">
        <v>8</v>
      </c>
      <c r="B14" s="15">
        <v>1679</v>
      </c>
      <c r="C14" s="16">
        <v>1679</v>
      </c>
      <c r="D14" s="17">
        <v>3358</v>
      </c>
    </row>
    <row r="15" spans="1:4" ht="18" customHeight="1" x14ac:dyDescent="0.15">
      <c r="A15" s="11">
        <v>9</v>
      </c>
      <c r="B15" s="15">
        <v>1830</v>
      </c>
      <c r="C15" s="16">
        <v>1567</v>
      </c>
      <c r="D15" s="17">
        <v>3397</v>
      </c>
    </row>
    <row r="16" spans="1:4" ht="18" customHeight="1" x14ac:dyDescent="0.15">
      <c r="A16" s="11" t="s">
        <v>7</v>
      </c>
      <c r="B16" s="15">
        <v>8461</v>
      </c>
      <c r="C16" s="16">
        <v>8023</v>
      </c>
      <c r="D16" s="17">
        <v>16484</v>
      </c>
    </row>
    <row r="17" spans="1:4" ht="18" customHeight="1" x14ac:dyDescent="0.15">
      <c r="A17" s="11">
        <v>10</v>
      </c>
      <c r="B17" s="15">
        <v>1774</v>
      </c>
      <c r="C17" s="16">
        <v>1733</v>
      </c>
      <c r="D17" s="17">
        <v>3507</v>
      </c>
    </row>
    <row r="18" spans="1:4" ht="18" customHeight="1" x14ac:dyDescent="0.15">
      <c r="A18" s="11">
        <v>11</v>
      </c>
      <c r="B18" s="15">
        <v>1849</v>
      </c>
      <c r="C18" s="16">
        <v>1689</v>
      </c>
      <c r="D18" s="17">
        <v>3538</v>
      </c>
    </row>
    <row r="19" spans="1:4" ht="18" customHeight="1" x14ac:dyDescent="0.15">
      <c r="A19" s="11">
        <v>12</v>
      </c>
      <c r="B19" s="15">
        <v>1775</v>
      </c>
      <c r="C19" s="16">
        <v>1777</v>
      </c>
      <c r="D19" s="17">
        <v>3552</v>
      </c>
    </row>
    <row r="20" spans="1:4" ht="18" customHeight="1" x14ac:dyDescent="0.15">
      <c r="A20" s="11">
        <v>13</v>
      </c>
      <c r="B20" s="15">
        <v>1851</v>
      </c>
      <c r="C20" s="16">
        <v>1775</v>
      </c>
      <c r="D20" s="17">
        <v>3626</v>
      </c>
    </row>
    <row r="21" spans="1:4" ht="18" customHeight="1" x14ac:dyDescent="0.15">
      <c r="A21" s="11">
        <v>14</v>
      </c>
      <c r="B21" s="15">
        <v>1889</v>
      </c>
      <c r="C21" s="16">
        <v>1746</v>
      </c>
      <c r="D21" s="17">
        <v>3635</v>
      </c>
    </row>
    <row r="22" spans="1:4" ht="18" customHeight="1" x14ac:dyDescent="0.15">
      <c r="A22" s="11" t="s">
        <v>8</v>
      </c>
      <c r="B22" s="15">
        <v>9138</v>
      </c>
      <c r="C22" s="16">
        <v>8720</v>
      </c>
      <c r="D22" s="17">
        <v>17858</v>
      </c>
    </row>
    <row r="23" spans="1:4" ht="18" customHeight="1" x14ac:dyDescent="0.15">
      <c r="A23" s="11" t="s">
        <v>9</v>
      </c>
      <c r="B23" s="15">
        <v>25441</v>
      </c>
      <c r="C23" s="16">
        <v>24182</v>
      </c>
      <c r="D23" s="17">
        <v>49623</v>
      </c>
    </row>
    <row r="24" spans="1:4" ht="18" customHeight="1" x14ac:dyDescent="0.15">
      <c r="A24" s="11">
        <v>15</v>
      </c>
      <c r="B24" s="15">
        <v>1901</v>
      </c>
      <c r="C24" s="16">
        <v>1838</v>
      </c>
      <c r="D24" s="17">
        <v>3739</v>
      </c>
    </row>
    <row r="25" spans="1:4" ht="18" customHeight="1" x14ac:dyDescent="0.15">
      <c r="A25" s="11">
        <v>16</v>
      </c>
      <c r="B25" s="15">
        <v>1964</v>
      </c>
      <c r="C25" s="16">
        <v>1877</v>
      </c>
      <c r="D25" s="17">
        <v>3841</v>
      </c>
    </row>
    <row r="26" spans="1:4" ht="18" customHeight="1" x14ac:dyDescent="0.15">
      <c r="A26" s="11">
        <v>17</v>
      </c>
      <c r="B26" s="15">
        <v>1961</v>
      </c>
      <c r="C26" s="16">
        <v>1838</v>
      </c>
      <c r="D26" s="17">
        <v>3799</v>
      </c>
    </row>
    <row r="27" spans="1:4" ht="18" customHeight="1" x14ac:dyDescent="0.15">
      <c r="A27" s="11">
        <v>18</v>
      </c>
      <c r="B27" s="15">
        <v>2022</v>
      </c>
      <c r="C27" s="16">
        <v>1916</v>
      </c>
      <c r="D27" s="17">
        <v>3938</v>
      </c>
    </row>
    <row r="28" spans="1:4" ht="18" customHeight="1" x14ac:dyDescent="0.15">
      <c r="A28" s="11">
        <v>19</v>
      </c>
      <c r="B28" s="15">
        <v>2126</v>
      </c>
      <c r="C28" s="16">
        <v>1936</v>
      </c>
      <c r="D28" s="17">
        <v>4062</v>
      </c>
    </row>
    <row r="29" spans="1:4" ht="18" customHeight="1" x14ac:dyDescent="0.15">
      <c r="A29" s="11" t="s">
        <v>10</v>
      </c>
      <c r="B29" s="15">
        <v>9974</v>
      </c>
      <c r="C29" s="16">
        <v>9405</v>
      </c>
      <c r="D29" s="17">
        <v>19379</v>
      </c>
    </row>
    <row r="30" spans="1:4" ht="18" customHeight="1" x14ac:dyDescent="0.15">
      <c r="A30" s="11">
        <v>20</v>
      </c>
      <c r="B30" s="15">
        <v>2143</v>
      </c>
      <c r="C30" s="16">
        <v>1996</v>
      </c>
      <c r="D30" s="17">
        <v>4139</v>
      </c>
    </row>
    <row r="31" spans="1:4" ht="18" customHeight="1" x14ac:dyDescent="0.15">
      <c r="A31" s="11">
        <v>21</v>
      </c>
      <c r="B31" s="15">
        <v>2076</v>
      </c>
      <c r="C31" s="16">
        <v>1939</v>
      </c>
      <c r="D31" s="17">
        <v>4015</v>
      </c>
    </row>
    <row r="32" spans="1:4" ht="18" customHeight="1" x14ac:dyDescent="0.15">
      <c r="A32" s="11">
        <v>22</v>
      </c>
      <c r="B32" s="15">
        <v>2160</v>
      </c>
      <c r="C32" s="16">
        <v>1824</v>
      </c>
      <c r="D32" s="17">
        <v>3984</v>
      </c>
    </row>
    <row r="33" spans="1:4" ht="18" customHeight="1" x14ac:dyDescent="0.15">
      <c r="A33" s="11">
        <v>23</v>
      </c>
      <c r="B33" s="15">
        <v>2151</v>
      </c>
      <c r="C33" s="16">
        <v>1870</v>
      </c>
      <c r="D33" s="17">
        <v>4021</v>
      </c>
    </row>
    <row r="34" spans="1:4" ht="18" customHeight="1" x14ac:dyDescent="0.15">
      <c r="A34" s="11">
        <v>24</v>
      </c>
      <c r="B34" s="15">
        <v>2171</v>
      </c>
      <c r="C34" s="16">
        <v>1799</v>
      </c>
      <c r="D34" s="17">
        <v>3970</v>
      </c>
    </row>
    <row r="35" spans="1:4" ht="18" customHeight="1" x14ac:dyDescent="0.15">
      <c r="A35" s="11" t="s">
        <v>11</v>
      </c>
      <c r="B35" s="15">
        <v>10701</v>
      </c>
      <c r="C35" s="16">
        <v>9428</v>
      </c>
      <c r="D35" s="17">
        <v>20129</v>
      </c>
    </row>
    <row r="36" spans="1:4" ht="18" customHeight="1" x14ac:dyDescent="0.15">
      <c r="A36" s="11">
        <v>25</v>
      </c>
      <c r="B36" s="15">
        <v>2180</v>
      </c>
      <c r="C36" s="16">
        <v>1935</v>
      </c>
      <c r="D36" s="17">
        <v>4115</v>
      </c>
    </row>
    <row r="37" spans="1:4" ht="18" customHeight="1" x14ac:dyDescent="0.15">
      <c r="A37" s="11">
        <v>26</v>
      </c>
      <c r="B37" s="15">
        <v>2086</v>
      </c>
      <c r="C37" s="16">
        <v>1871</v>
      </c>
      <c r="D37" s="17">
        <v>3957</v>
      </c>
    </row>
    <row r="38" spans="1:4" ht="18" customHeight="1" x14ac:dyDescent="0.15">
      <c r="A38" s="11">
        <v>27</v>
      </c>
      <c r="B38" s="15">
        <v>2003</v>
      </c>
      <c r="C38" s="16">
        <v>1813</v>
      </c>
      <c r="D38" s="17">
        <v>3816</v>
      </c>
    </row>
    <row r="39" spans="1:4" ht="18" customHeight="1" x14ac:dyDescent="0.15">
      <c r="A39" s="11">
        <v>28</v>
      </c>
      <c r="B39" s="15">
        <v>2087</v>
      </c>
      <c r="C39" s="16">
        <v>1855</v>
      </c>
      <c r="D39" s="17">
        <v>3942</v>
      </c>
    </row>
    <row r="40" spans="1:4" ht="18" customHeight="1" x14ac:dyDescent="0.15">
      <c r="A40" s="11">
        <v>29</v>
      </c>
      <c r="B40" s="15">
        <v>2211</v>
      </c>
      <c r="C40" s="16">
        <v>1777</v>
      </c>
      <c r="D40" s="17">
        <v>3988</v>
      </c>
    </row>
    <row r="41" spans="1:4" ht="18" customHeight="1" x14ac:dyDescent="0.15">
      <c r="A41" s="11" t="s">
        <v>12</v>
      </c>
      <c r="B41" s="15">
        <v>10567</v>
      </c>
      <c r="C41" s="16">
        <v>9251</v>
      </c>
      <c r="D41" s="17">
        <v>19818</v>
      </c>
    </row>
    <row r="42" spans="1:4" ht="18" customHeight="1" x14ac:dyDescent="0.15">
      <c r="A42" s="11">
        <v>30</v>
      </c>
      <c r="B42" s="15">
        <v>2129</v>
      </c>
      <c r="C42" s="16">
        <v>1893</v>
      </c>
      <c r="D42" s="17">
        <v>4022</v>
      </c>
    </row>
    <row r="43" spans="1:4" ht="18" customHeight="1" x14ac:dyDescent="0.15">
      <c r="A43" s="11">
        <v>31</v>
      </c>
      <c r="B43" s="15">
        <v>2219</v>
      </c>
      <c r="C43" s="16">
        <v>1940</v>
      </c>
      <c r="D43" s="17">
        <v>4159</v>
      </c>
    </row>
    <row r="44" spans="1:4" ht="18" customHeight="1" x14ac:dyDescent="0.15">
      <c r="A44" s="11">
        <v>32</v>
      </c>
      <c r="B44" s="15">
        <v>2137</v>
      </c>
      <c r="C44" s="16">
        <v>1934</v>
      </c>
      <c r="D44" s="17">
        <v>4071</v>
      </c>
    </row>
    <row r="45" spans="1:4" ht="18" customHeight="1" x14ac:dyDescent="0.15">
      <c r="A45" s="11">
        <v>33</v>
      </c>
      <c r="B45" s="15">
        <v>2272</v>
      </c>
      <c r="C45" s="16">
        <v>2168</v>
      </c>
      <c r="D45" s="17">
        <v>4440</v>
      </c>
    </row>
    <row r="46" spans="1:4" ht="18" customHeight="1" x14ac:dyDescent="0.15">
      <c r="A46" s="11">
        <v>34</v>
      </c>
      <c r="B46" s="15">
        <v>2316</v>
      </c>
      <c r="C46" s="16">
        <v>2212</v>
      </c>
      <c r="D46" s="17">
        <v>4528</v>
      </c>
    </row>
    <row r="47" spans="1:4" ht="18" customHeight="1" x14ac:dyDescent="0.15">
      <c r="A47" s="11" t="s">
        <v>13</v>
      </c>
      <c r="B47" s="15">
        <v>11073</v>
      </c>
      <c r="C47" s="16">
        <v>10147</v>
      </c>
      <c r="D47" s="17">
        <v>21220</v>
      </c>
    </row>
    <row r="48" spans="1:4" ht="18" customHeight="1" x14ac:dyDescent="0.15">
      <c r="A48" s="11">
        <v>35</v>
      </c>
      <c r="B48" s="15">
        <v>2498</v>
      </c>
      <c r="C48" s="16">
        <v>2194</v>
      </c>
      <c r="D48" s="17">
        <v>4692</v>
      </c>
    </row>
    <row r="49" spans="1:4" ht="18" customHeight="1" x14ac:dyDescent="0.15">
      <c r="A49" s="11">
        <v>36</v>
      </c>
      <c r="B49" s="15">
        <v>2380</v>
      </c>
      <c r="C49" s="16">
        <v>2247</v>
      </c>
      <c r="D49" s="17">
        <v>4627</v>
      </c>
    </row>
    <row r="50" spans="1:4" ht="18" customHeight="1" x14ac:dyDescent="0.15">
      <c r="A50" s="11">
        <v>37</v>
      </c>
      <c r="B50" s="15">
        <v>2433</v>
      </c>
      <c r="C50" s="16">
        <v>2173</v>
      </c>
      <c r="D50" s="17">
        <v>4606</v>
      </c>
    </row>
    <row r="51" spans="1:4" ht="18" customHeight="1" x14ac:dyDescent="0.15">
      <c r="A51" s="11">
        <v>38</v>
      </c>
      <c r="B51" s="15">
        <v>2455</v>
      </c>
      <c r="C51" s="16">
        <v>2410</v>
      </c>
      <c r="D51" s="17">
        <v>4865</v>
      </c>
    </row>
    <row r="52" spans="1:4" ht="18" customHeight="1" x14ac:dyDescent="0.15">
      <c r="A52" s="11">
        <v>39</v>
      </c>
      <c r="B52" s="15">
        <v>2469</v>
      </c>
      <c r="C52" s="16">
        <v>2293</v>
      </c>
      <c r="D52" s="17">
        <v>4762</v>
      </c>
    </row>
    <row r="53" spans="1:4" ht="18" customHeight="1" x14ac:dyDescent="0.15">
      <c r="A53" s="11" t="s">
        <v>14</v>
      </c>
      <c r="B53" s="15">
        <v>12235</v>
      </c>
      <c r="C53" s="16">
        <v>11317</v>
      </c>
      <c r="D53" s="17">
        <v>23552</v>
      </c>
    </row>
    <row r="54" spans="1:4" ht="18" customHeight="1" x14ac:dyDescent="0.15">
      <c r="A54" s="11">
        <v>40</v>
      </c>
      <c r="B54" s="15">
        <v>2636</v>
      </c>
      <c r="C54" s="16">
        <v>2476</v>
      </c>
      <c r="D54" s="17">
        <v>5112</v>
      </c>
    </row>
    <row r="55" spans="1:4" ht="18" customHeight="1" x14ac:dyDescent="0.15">
      <c r="A55" s="11">
        <v>41</v>
      </c>
      <c r="B55" s="15">
        <v>2762</v>
      </c>
      <c r="C55" s="16">
        <v>2685</v>
      </c>
      <c r="D55" s="17">
        <v>5447</v>
      </c>
    </row>
    <row r="56" spans="1:4" ht="18" customHeight="1" x14ac:dyDescent="0.15">
      <c r="A56" s="11">
        <v>42</v>
      </c>
      <c r="B56" s="15">
        <v>3007</v>
      </c>
      <c r="C56" s="16">
        <v>2684</v>
      </c>
      <c r="D56" s="17">
        <v>5691</v>
      </c>
    </row>
    <row r="57" spans="1:4" ht="18" customHeight="1" x14ac:dyDescent="0.15">
      <c r="A57" s="11">
        <v>43</v>
      </c>
      <c r="B57" s="15">
        <v>3033</v>
      </c>
      <c r="C57" s="16">
        <v>2851</v>
      </c>
      <c r="D57" s="17">
        <v>5884</v>
      </c>
    </row>
    <row r="58" spans="1:4" ht="18" customHeight="1" x14ac:dyDescent="0.15">
      <c r="A58" s="11">
        <v>44</v>
      </c>
      <c r="B58" s="15">
        <v>3282</v>
      </c>
      <c r="C58" s="16">
        <v>3074</v>
      </c>
      <c r="D58" s="17">
        <v>6356</v>
      </c>
    </row>
    <row r="59" spans="1:4" ht="18" customHeight="1" x14ac:dyDescent="0.15">
      <c r="A59" s="11" t="s">
        <v>15</v>
      </c>
      <c r="B59" s="15">
        <v>14720</v>
      </c>
      <c r="C59" s="16">
        <v>13770</v>
      </c>
      <c r="D59" s="17">
        <v>28490</v>
      </c>
    </row>
    <row r="60" spans="1:4" ht="18" customHeight="1" x14ac:dyDescent="0.15">
      <c r="A60" s="11">
        <v>45</v>
      </c>
      <c r="B60" s="15">
        <v>3390</v>
      </c>
      <c r="C60" s="16">
        <v>3303</v>
      </c>
      <c r="D60" s="17">
        <v>6693</v>
      </c>
    </row>
    <row r="61" spans="1:4" ht="18" customHeight="1" x14ac:dyDescent="0.15">
      <c r="A61" s="11">
        <v>46</v>
      </c>
      <c r="B61" s="15">
        <v>3543</v>
      </c>
      <c r="C61" s="16">
        <v>3498</v>
      </c>
      <c r="D61" s="17">
        <v>7041</v>
      </c>
    </row>
    <row r="62" spans="1:4" ht="18" customHeight="1" x14ac:dyDescent="0.15">
      <c r="A62" s="11">
        <v>47</v>
      </c>
      <c r="B62" s="15">
        <v>3531</v>
      </c>
      <c r="C62" s="16">
        <v>3376</v>
      </c>
      <c r="D62" s="17">
        <v>6907</v>
      </c>
    </row>
    <row r="63" spans="1:4" ht="18" customHeight="1" x14ac:dyDescent="0.15">
      <c r="A63" s="11">
        <v>48</v>
      </c>
      <c r="B63" s="15">
        <v>3396</v>
      </c>
      <c r="C63" s="16">
        <v>3248</v>
      </c>
      <c r="D63" s="17">
        <v>6644</v>
      </c>
    </row>
    <row r="64" spans="1:4" ht="18" customHeight="1" x14ac:dyDescent="0.15">
      <c r="A64" s="11">
        <v>49</v>
      </c>
      <c r="B64" s="15">
        <v>3263</v>
      </c>
      <c r="C64" s="16">
        <v>3093</v>
      </c>
      <c r="D64" s="17">
        <v>6356</v>
      </c>
    </row>
    <row r="65" spans="1:4" ht="18" customHeight="1" x14ac:dyDescent="0.15">
      <c r="A65" s="11" t="s">
        <v>16</v>
      </c>
      <c r="B65" s="15">
        <v>17123</v>
      </c>
      <c r="C65" s="16">
        <v>16518</v>
      </c>
      <c r="D65" s="17">
        <v>33641</v>
      </c>
    </row>
    <row r="66" spans="1:4" ht="18" customHeight="1" x14ac:dyDescent="0.15">
      <c r="A66" s="28">
        <v>50</v>
      </c>
      <c r="B66" s="29">
        <v>3107</v>
      </c>
      <c r="C66" s="30">
        <v>2883</v>
      </c>
      <c r="D66" s="31">
        <v>5990</v>
      </c>
    </row>
    <row r="67" spans="1:4" ht="18" customHeight="1" x14ac:dyDescent="0.15">
      <c r="A67" s="11">
        <v>51</v>
      </c>
      <c r="B67" s="15">
        <v>3045</v>
      </c>
      <c r="C67" s="16">
        <v>2929</v>
      </c>
      <c r="D67" s="17">
        <v>5974</v>
      </c>
    </row>
    <row r="68" spans="1:4" ht="18" customHeight="1" x14ac:dyDescent="0.15">
      <c r="A68" s="11">
        <v>52</v>
      </c>
      <c r="B68" s="15">
        <v>2882</v>
      </c>
      <c r="C68" s="16">
        <v>2812</v>
      </c>
      <c r="D68" s="17">
        <v>5694</v>
      </c>
    </row>
    <row r="69" spans="1:4" ht="18" customHeight="1" x14ac:dyDescent="0.15">
      <c r="A69" s="11">
        <v>53</v>
      </c>
      <c r="B69" s="15">
        <v>2424</v>
      </c>
      <c r="C69" s="16">
        <v>2431</v>
      </c>
      <c r="D69" s="17">
        <v>4855</v>
      </c>
    </row>
    <row r="70" spans="1:4" ht="18" customHeight="1" x14ac:dyDescent="0.15">
      <c r="A70" s="11">
        <v>54</v>
      </c>
      <c r="B70" s="15">
        <v>2529</v>
      </c>
      <c r="C70" s="16">
        <v>2596</v>
      </c>
      <c r="D70" s="17">
        <v>5125</v>
      </c>
    </row>
    <row r="71" spans="1:4" ht="18" customHeight="1" x14ac:dyDescent="0.15">
      <c r="A71" s="11" t="s">
        <v>17</v>
      </c>
      <c r="B71" s="15">
        <v>13987</v>
      </c>
      <c r="C71" s="16">
        <v>13651</v>
      </c>
      <c r="D71" s="17">
        <v>27638</v>
      </c>
    </row>
    <row r="72" spans="1:4" ht="18" customHeight="1" x14ac:dyDescent="0.15">
      <c r="A72" s="11">
        <v>55</v>
      </c>
      <c r="B72" s="15">
        <v>2595</v>
      </c>
      <c r="C72" s="16">
        <v>2646</v>
      </c>
      <c r="D72" s="17">
        <v>5241</v>
      </c>
    </row>
    <row r="73" spans="1:4" ht="18" customHeight="1" x14ac:dyDescent="0.15">
      <c r="A73" s="11">
        <v>56</v>
      </c>
      <c r="B73" s="15">
        <v>2559</v>
      </c>
      <c r="C73" s="16">
        <v>2491</v>
      </c>
      <c r="D73" s="17">
        <v>5050</v>
      </c>
    </row>
    <row r="74" spans="1:4" ht="18" customHeight="1" x14ac:dyDescent="0.15">
      <c r="A74" s="11">
        <v>57</v>
      </c>
      <c r="B74" s="15">
        <v>2413</v>
      </c>
      <c r="C74" s="16">
        <v>2453</v>
      </c>
      <c r="D74" s="17">
        <v>4866</v>
      </c>
    </row>
    <row r="75" spans="1:4" ht="18" customHeight="1" x14ac:dyDescent="0.15">
      <c r="A75" s="11">
        <v>58</v>
      </c>
      <c r="B75" s="15">
        <v>2327</v>
      </c>
      <c r="C75" s="16">
        <v>2317</v>
      </c>
      <c r="D75" s="17">
        <v>4644</v>
      </c>
    </row>
    <row r="76" spans="1:4" ht="18" customHeight="1" x14ac:dyDescent="0.15">
      <c r="A76" s="11">
        <v>59</v>
      </c>
      <c r="B76" s="15">
        <v>2292</v>
      </c>
      <c r="C76" s="16">
        <v>2467</v>
      </c>
      <c r="D76" s="17">
        <v>4759</v>
      </c>
    </row>
    <row r="77" spans="1:4" ht="18" customHeight="1" x14ac:dyDescent="0.15">
      <c r="A77" s="11" t="s">
        <v>18</v>
      </c>
      <c r="B77" s="15">
        <v>12186</v>
      </c>
      <c r="C77" s="16">
        <v>12374</v>
      </c>
      <c r="D77" s="17">
        <v>24560</v>
      </c>
    </row>
    <row r="78" spans="1:4" ht="18" customHeight="1" x14ac:dyDescent="0.15">
      <c r="A78" s="11">
        <v>60</v>
      </c>
      <c r="B78" s="15">
        <v>2339</v>
      </c>
      <c r="C78" s="16">
        <v>2369</v>
      </c>
      <c r="D78" s="17">
        <v>4708</v>
      </c>
    </row>
    <row r="79" spans="1:4" ht="18" customHeight="1" x14ac:dyDescent="0.15">
      <c r="A79" s="11">
        <v>61</v>
      </c>
      <c r="B79" s="15">
        <v>2308</v>
      </c>
      <c r="C79" s="16">
        <v>2540</v>
      </c>
      <c r="D79" s="17">
        <v>4848</v>
      </c>
    </row>
    <row r="80" spans="1:4" ht="18" customHeight="1" x14ac:dyDescent="0.15">
      <c r="A80" s="11">
        <v>62</v>
      </c>
      <c r="B80" s="15">
        <v>2291</v>
      </c>
      <c r="C80" s="16">
        <v>2289</v>
      </c>
      <c r="D80" s="17">
        <v>4580</v>
      </c>
    </row>
    <row r="81" spans="1:4" ht="18" customHeight="1" x14ac:dyDescent="0.15">
      <c r="A81" s="11">
        <v>63</v>
      </c>
      <c r="B81" s="15">
        <v>2200</v>
      </c>
      <c r="C81" s="16">
        <v>2333</v>
      </c>
      <c r="D81" s="17">
        <v>4533</v>
      </c>
    </row>
    <row r="82" spans="1:4" ht="18" customHeight="1" x14ac:dyDescent="0.15">
      <c r="A82" s="11">
        <v>64</v>
      </c>
      <c r="B82" s="15">
        <v>2397</v>
      </c>
      <c r="C82" s="16">
        <v>2560</v>
      </c>
      <c r="D82" s="17">
        <v>4957</v>
      </c>
    </row>
    <row r="83" spans="1:4" ht="18" customHeight="1" x14ac:dyDescent="0.15">
      <c r="A83" s="11" t="s">
        <v>19</v>
      </c>
      <c r="B83" s="15">
        <v>11535</v>
      </c>
      <c r="C83" s="16">
        <v>12091</v>
      </c>
      <c r="D83" s="17">
        <v>23626</v>
      </c>
    </row>
    <row r="84" spans="1:4" ht="18" customHeight="1" x14ac:dyDescent="0.15">
      <c r="A84" s="11" t="s">
        <v>20</v>
      </c>
      <c r="B84" s="15">
        <v>124101</v>
      </c>
      <c r="C84" s="16">
        <v>117952</v>
      </c>
      <c r="D84" s="17">
        <v>242053</v>
      </c>
    </row>
    <row r="85" spans="1:4" ht="18" customHeight="1" x14ac:dyDescent="0.15">
      <c r="A85" s="11">
        <v>65</v>
      </c>
      <c r="B85" s="15">
        <v>2460</v>
      </c>
      <c r="C85" s="16">
        <v>2622</v>
      </c>
      <c r="D85" s="17">
        <v>5082</v>
      </c>
    </row>
    <row r="86" spans="1:4" ht="18" customHeight="1" x14ac:dyDescent="0.15">
      <c r="A86" s="11">
        <v>66</v>
      </c>
      <c r="B86" s="15">
        <v>2555</v>
      </c>
      <c r="C86" s="16">
        <v>2752</v>
      </c>
      <c r="D86" s="17">
        <v>5307</v>
      </c>
    </row>
    <row r="87" spans="1:4" ht="18" customHeight="1" x14ac:dyDescent="0.15">
      <c r="A87" s="11">
        <v>67</v>
      </c>
      <c r="B87" s="15">
        <v>2667</v>
      </c>
      <c r="C87" s="16">
        <v>2815</v>
      </c>
      <c r="D87" s="17">
        <v>5482</v>
      </c>
    </row>
    <row r="88" spans="1:4" ht="18" customHeight="1" x14ac:dyDescent="0.15">
      <c r="A88" s="11">
        <v>68</v>
      </c>
      <c r="B88" s="15">
        <v>2661</v>
      </c>
      <c r="C88" s="16">
        <v>2864</v>
      </c>
      <c r="D88" s="17">
        <v>5525</v>
      </c>
    </row>
    <row r="89" spans="1:4" ht="18" customHeight="1" x14ac:dyDescent="0.15">
      <c r="A89" s="11">
        <v>69</v>
      </c>
      <c r="B89" s="15">
        <v>2909</v>
      </c>
      <c r="C89" s="16">
        <v>3211</v>
      </c>
      <c r="D89" s="17">
        <v>6120</v>
      </c>
    </row>
    <row r="90" spans="1:4" ht="18" customHeight="1" x14ac:dyDescent="0.15">
      <c r="A90" s="11" t="s">
        <v>21</v>
      </c>
      <c r="B90" s="15">
        <v>13252</v>
      </c>
      <c r="C90" s="16">
        <v>14264</v>
      </c>
      <c r="D90" s="17">
        <v>27516</v>
      </c>
    </row>
    <row r="91" spans="1:4" ht="18" customHeight="1" x14ac:dyDescent="0.15">
      <c r="A91" s="11">
        <v>70</v>
      </c>
      <c r="B91" s="15">
        <v>3273</v>
      </c>
      <c r="C91" s="16">
        <v>3676</v>
      </c>
      <c r="D91" s="17">
        <v>6949</v>
      </c>
    </row>
    <row r="92" spans="1:4" ht="18" customHeight="1" x14ac:dyDescent="0.15">
      <c r="A92" s="11">
        <v>71</v>
      </c>
      <c r="B92" s="15">
        <v>3532</v>
      </c>
      <c r="C92" s="16">
        <v>3802</v>
      </c>
      <c r="D92" s="17">
        <v>7334</v>
      </c>
    </row>
    <row r="93" spans="1:4" ht="18" customHeight="1" x14ac:dyDescent="0.15">
      <c r="A93" s="11">
        <v>72</v>
      </c>
      <c r="B93" s="15">
        <v>3494</v>
      </c>
      <c r="C93" s="16">
        <v>4076</v>
      </c>
      <c r="D93" s="17">
        <v>7570</v>
      </c>
    </row>
    <row r="94" spans="1:4" ht="18" customHeight="1" x14ac:dyDescent="0.15">
      <c r="A94" s="11">
        <v>73</v>
      </c>
      <c r="B94" s="15">
        <v>2670</v>
      </c>
      <c r="C94" s="16">
        <v>3129</v>
      </c>
      <c r="D94" s="17">
        <v>5799</v>
      </c>
    </row>
    <row r="95" spans="1:4" ht="18" customHeight="1" x14ac:dyDescent="0.15">
      <c r="A95" s="11">
        <v>74</v>
      </c>
      <c r="B95" s="15">
        <v>1736</v>
      </c>
      <c r="C95" s="16">
        <v>2039</v>
      </c>
      <c r="D95" s="17">
        <v>3775</v>
      </c>
    </row>
    <row r="96" spans="1:4" ht="18" customHeight="1" x14ac:dyDescent="0.15">
      <c r="A96" s="11" t="s">
        <v>22</v>
      </c>
      <c r="B96" s="15">
        <v>14705</v>
      </c>
      <c r="C96" s="16">
        <v>16722</v>
      </c>
      <c r="D96" s="17">
        <v>31427</v>
      </c>
    </row>
    <row r="97" spans="1:4" ht="18" customHeight="1" x14ac:dyDescent="0.15">
      <c r="A97" s="11">
        <v>75</v>
      </c>
      <c r="B97" s="15">
        <v>2271</v>
      </c>
      <c r="C97" s="16">
        <v>2817</v>
      </c>
      <c r="D97" s="17">
        <v>5088</v>
      </c>
    </row>
    <row r="98" spans="1:4" ht="18" customHeight="1" x14ac:dyDescent="0.15">
      <c r="A98" s="11">
        <v>76</v>
      </c>
      <c r="B98" s="15">
        <v>2347</v>
      </c>
      <c r="C98" s="16">
        <v>3028</v>
      </c>
      <c r="D98" s="17">
        <v>5375</v>
      </c>
    </row>
    <row r="99" spans="1:4" ht="18" customHeight="1" x14ac:dyDescent="0.15">
      <c r="A99" s="11">
        <v>77</v>
      </c>
      <c r="B99" s="15">
        <v>2192</v>
      </c>
      <c r="C99" s="16">
        <v>2711</v>
      </c>
      <c r="D99" s="17">
        <v>4903</v>
      </c>
    </row>
    <row r="100" spans="1:4" ht="18" customHeight="1" x14ac:dyDescent="0.15">
      <c r="A100" s="11">
        <v>78</v>
      </c>
      <c r="B100" s="15">
        <v>2350</v>
      </c>
      <c r="C100" s="16">
        <v>2998</v>
      </c>
      <c r="D100" s="17">
        <v>5348</v>
      </c>
    </row>
    <row r="101" spans="1:4" ht="18" customHeight="1" x14ac:dyDescent="0.15">
      <c r="A101" s="11">
        <v>79</v>
      </c>
      <c r="B101" s="15">
        <v>1961</v>
      </c>
      <c r="C101" s="16">
        <v>2586</v>
      </c>
      <c r="D101" s="17">
        <v>4547</v>
      </c>
    </row>
    <row r="102" spans="1:4" ht="18" customHeight="1" x14ac:dyDescent="0.15">
      <c r="A102" s="11" t="s">
        <v>23</v>
      </c>
      <c r="B102" s="15">
        <v>11121</v>
      </c>
      <c r="C102" s="16">
        <v>14140</v>
      </c>
      <c r="D102" s="17">
        <v>25261</v>
      </c>
    </row>
    <row r="103" spans="1:4" ht="18" customHeight="1" x14ac:dyDescent="0.15">
      <c r="A103" s="11">
        <v>80</v>
      </c>
      <c r="B103" s="15">
        <v>1658</v>
      </c>
      <c r="C103" s="16">
        <v>2105</v>
      </c>
      <c r="D103" s="17">
        <v>3763</v>
      </c>
    </row>
    <row r="104" spans="1:4" ht="18" customHeight="1" x14ac:dyDescent="0.15">
      <c r="A104" s="11">
        <v>81</v>
      </c>
      <c r="B104" s="15">
        <v>1350</v>
      </c>
      <c r="C104" s="16">
        <v>1884</v>
      </c>
      <c r="D104" s="17">
        <v>3234</v>
      </c>
    </row>
    <row r="105" spans="1:4" ht="18" customHeight="1" x14ac:dyDescent="0.15">
      <c r="A105" s="11">
        <v>82</v>
      </c>
      <c r="B105" s="15">
        <v>1467</v>
      </c>
      <c r="C105" s="16">
        <v>2167</v>
      </c>
      <c r="D105" s="17">
        <v>3634</v>
      </c>
    </row>
    <row r="106" spans="1:4" ht="18" customHeight="1" x14ac:dyDescent="0.15">
      <c r="A106" s="11">
        <v>83</v>
      </c>
      <c r="B106" s="15">
        <v>1341</v>
      </c>
      <c r="C106" s="16">
        <v>2106</v>
      </c>
      <c r="D106" s="17">
        <v>3447</v>
      </c>
    </row>
    <row r="107" spans="1:4" ht="18" customHeight="1" x14ac:dyDescent="0.15">
      <c r="A107" s="11">
        <v>84</v>
      </c>
      <c r="B107" s="15">
        <v>1337</v>
      </c>
      <c r="C107" s="16">
        <v>2225</v>
      </c>
      <c r="D107" s="17">
        <v>3562</v>
      </c>
    </row>
    <row r="108" spans="1:4" ht="18" customHeight="1" x14ac:dyDescent="0.15">
      <c r="A108" s="11" t="s">
        <v>24</v>
      </c>
      <c r="B108" s="15">
        <v>7153</v>
      </c>
      <c r="C108" s="16">
        <v>10487</v>
      </c>
      <c r="D108" s="17">
        <v>17640</v>
      </c>
    </row>
    <row r="109" spans="1:4" ht="18" customHeight="1" x14ac:dyDescent="0.15">
      <c r="A109" s="11">
        <v>85</v>
      </c>
      <c r="B109" s="15">
        <v>1043</v>
      </c>
      <c r="C109" s="16">
        <v>1743</v>
      </c>
      <c r="D109" s="17">
        <v>2786</v>
      </c>
    </row>
    <row r="110" spans="1:4" ht="18" customHeight="1" x14ac:dyDescent="0.15">
      <c r="A110" s="11">
        <v>86</v>
      </c>
      <c r="B110" s="15">
        <v>1006</v>
      </c>
      <c r="C110" s="16">
        <v>1853</v>
      </c>
      <c r="D110" s="17">
        <v>2859</v>
      </c>
    </row>
    <row r="111" spans="1:4" ht="18" customHeight="1" x14ac:dyDescent="0.15">
      <c r="A111" s="11">
        <v>87</v>
      </c>
      <c r="B111" s="15">
        <v>836</v>
      </c>
      <c r="C111" s="16">
        <v>1904</v>
      </c>
      <c r="D111" s="17">
        <v>2740</v>
      </c>
    </row>
    <row r="112" spans="1:4" ht="18" customHeight="1" x14ac:dyDescent="0.15">
      <c r="A112" s="11">
        <v>88</v>
      </c>
      <c r="B112" s="15">
        <v>690</v>
      </c>
      <c r="C112" s="16">
        <v>1530</v>
      </c>
      <c r="D112" s="17">
        <v>2220</v>
      </c>
    </row>
    <row r="113" spans="1:4" ht="18" customHeight="1" x14ac:dyDescent="0.15">
      <c r="A113" s="11">
        <v>89</v>
      </c>
      <c r="B113" s="15">
        <v>578</v>
      </c>
      <c r="C113" s="16">
        <v>1383</v>
      </c>
      <c r="D113" s="17">
        <v>1961</v>
      </c>
    </row>
    <row r="114" spans="1:4" ht="18" customHeight="1" x14ac:dyDescent="0.15">
      <c r="A114" s="11" t="s">
        <v>25</v>
      </c>
      <c r="B114" s="15">
        <v>4153</v>
      </c>
      <c r="C114" s="16">
        <v>8413</v>
      </c>
      <c r="D114" s="17">
        <v>12566</v>
      </c>
    </row>
    <row r="115" spans="1:4" ht="18" customHeight="1" x14ac:dyDescent="0.15">
      <c r="A115" s="11">
        <v>90</v>
      </c>
      <c r="B115" s="15">
        <v>527</v>
      </c>
      <c r="C115" s="16">
        <v>1235</v>
      </c>
      <c r="D115" s="17">
        <v>1762</v>
      </c>
    </row>
    <row r="116" spans="1:4" ht="18" customHeight="1" x14ac:dyDescent="0.15">
      <c r="A116" s="11">
        <v>91</v>
      </c>
      <c r="B116" s="15">
        <v>425</v>
      </c>
      <c r="C116" s="16">
        <v>1120</v>
      </c>
      <c r="D116" s="17">
        <v>1545</v>
      </c>
    </row>
    <row r="117" spans="1:4" ht="18" customHeight="1" x14ac:dyDescent="0.15">
      <c r="A117" s="11">
        <v>92</v>
      </c>
      <c r="B117" s="15">
        <v>305</v>
      </c>
      <c r="C117" s="16">
        <v>908</v>
      </c>
      <c r="D117" s="17">
        <v>1213</v>
      </c>
    </row>
    <row r="118" spans="1:4" ht="18" customHeight="1" x14ac:dyDescent="0.15">
      <c r="A118" s="11">
        <v>93</v>
      </c>
      <c r="B118" s="15">
        <v>252</v>
      </c>
      <c r="C118" s="16">
        <v>724</v>
      </c>
      <c r="D118" s="17">
        <v>976</v>
      </c>
    </row>
    <row r="119" spans="1:4" ht="18" customHeight="1" x14ac:dyDescent="0.15">
      <c r="A119" s="11">
        <v>94</v>
      </c>
      <c r="B119" s="15">
        <v>183</v>
      </c>
      <c r="C119" s="16">
        <v>671</v>
      </c>
      <c r="D119" s="17">
        <v>854</v>
      </c>
    </row>
    <row r="120" spans="1:4" ht="18" customHeight="1" x14ac:dyDescent="0.15">
      <c r="A120" s="11" t="s">
        <v>26</v>
      </c>
      <c r="B120" s="15">
        <v>1692</v>
      </c>
      <c r="C120" s="16">
        <v>4658</v>
      </c>
      <c r="D120" s="17">
        <v>6350</v>
      </c>
    </row>
    <row r="121" spans="1:4" ht="18" customHeight="1" x14ac:dyDescent="0.15">
      <c r="A121" s="11">
        <v>95</v>
      </c>
      <c r="B121" s="15">
        <v>136</v>
      </c>
      <c r="C121" s="16">
        <v>513</v>
      </c>
      <c r="D121" s="17">
        <v>649</v>
      </c>
    </row>
    <row r="122" spans="1:4" ht="18" customHeight="1" x14ac:dyDescent="0.15">
      <c r="A122" s="11">
        <v>96</v>
      </c>
      <c r="B122" s="15">
        <v>74</v>
      </c>
      <c r="C122" s="16">
        <v>388</v>
      </c>
      <c r="D122" s="17">
        <v>462</v>
      </c>
    </row>
    <row r="123" spans="1:4" ht="18" customHeight="1" x14ac:dyDescent="0.15">
      <c r="A123" s="11">
        <v>97</v>
      </c>
      <c r="B123" s="15">
        <v>66</v>
      </c>
      <c r="C123" s="16">
        <v>297</v>
      </c>
      <c r="D123" s="17">
        <v>363</v>
      </c>
    </row>
    <row r="124" spans="1:4" ht="18" customHeight="1" x14ac:dyDescent="0.15">
      <c r="A124" s="11">
        <v>98</v>
      </c>
      <c r="B124" s="15">
        <v>38</v>
      </c>
      <c r="C124" s="16">
        <v>246</v>
      </c>
      <c r="D124" s="17">
        <v>284</v>
      </c>
    </row>
    <row r="125" spans="1:4" ht="18" customHeight="1" x14ac:dyDescent="0.15">
      <c r="A125" s="11">
        <v>99</v>
      </c>
      <c r="B125" s="15">
        <v>20</v>
      </c>
      <c r="C125" s="16">
        <v>155</v>
      </c>
      <c r="D125" s="17">
        <v>175</v>
      </c>
    </row>
    <row r="126" spans="1:4" ht="18" customHeight="1" x14ac:dyDescent="0.15">
      <c r="A126" s="11" t="s">
        <v>27</v>
      </c>
      <c r="B126" s="15">
        <v>334</v>
      </c>
      <c r="C126" s="16">
        <v>1599</v>
      </c>
      <c r="D126" s="17">
        <v>1933</v>
      </c>
    </row>
    <row r="127" spans="1:4" ht="18" customHeight="1" x14ac:dyDescent="0.15">
      <c r="A127" s="11">
        <v>100</v>
      </c>
      <c r="B127" s="15">
        <v>16</v>
      </c>
      <c r="C127" s="16">
        <v>102</v>
      </c>
      <c r="D127" s="17">
        <v>118</v>
      </c>
    </row>
    <row r="128" spans="1:4" ht="18" customHeight="1" x14ac:dyDescent="0.15">
      <c r="A128" s="18" t="s">
        <v>28</v>
      </c>
      <c r="B128" s="15">
        <v>20</v>
      </c>
      <c r="C128" s="16">
        <v>152</v>
      </c>
      <c r="D128" s="17">
        <v>172</v>
      </c>
    </row>
    <row r="129" spans="1:4" ht="18" customHeight="1" x14ac:dyDescent="0.15">
      <c r="A129" s="11" t="s">
        <v>29</v>
      </c>
      <c r="B129" s="15">
        <v>36</v>
      </c>
      <c r="C129" s="16">
        <v>254</v>
      </c>
      <c r="D129" s="17">
        <v>290</v>
      </c>
    </row>
    <row r="130" spans="1:4" ht="18" customHeight="1" x14ac:dyDescent="0.15">
      <c r="A130" s="11" t="s">
        <v>30</v>
      </c>
      <c r="B130" s="19">
        <v>52446</v>
      </c>
      <c r="C130" s="20">
        <v>70537</v>
      </c>
      <c r="D130" s="21">
        <v>122983</v>
      </c>
    </row>
    <row r="131" spans="1:4" ht="18" customHeight="1" x14ac:dyDescent="0.15">
      <c r="A131" s="22" t="s">
        <v>31</v>
      </c>
      <c r="B131" s="23">
        <v>201988</v>
      </c>
      <c r="C131" s="24">
        <v>212671</v>
      </c>
      <c r="D131" s="25">
        <v>414659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0-04-02T06:24:09Z</dcterms:created>
  <dcterms:modified xsi:type="dcterms:W3CDTF">2020-04-03T01:58:02Z</dcterms:modified>
</cp:coreProperties>
</file>